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"/>
    </mc:Choice>
  </mc:AlternateContent>
  <bookViews>
    <workbookView xWindow="240" yWindow="45" windowWidth="14940" windowHeight="8550"/>
  </bookViews>
  <sheets>
    <sheet name="29_2_1" sheetId="10" r:id="rId1"/>
  </sheets>
  <definedNames>
    <definedName name="_xlnm._FilterDatabase" localSheetId="0" hidden="1">'29_2_1'!$H$1:$H$15</definedName>
    <definedName name="_xlnm.Print_Titles" localSheetId="0">'29_2_1'!$1:$1</definedName>
    <definedName name="text" localSheetId="0">'29_2_1'!$K$2:$L$15</definedName>
  </definedNames>
  <calcPr calcId="145621"/>
</workbook>
</file>

<file path=xl/connections.xml><?xml version="1.0" encoding="utf-8"?>
<connections xmlns="http://schemas.openxmlformats.org/spreadsheetml/2006/main">
  <connection id="1" name="text1" type="6" refreshedVersion="4" background="1" saveData="1">
    <textPr codePage="932" sourceFile="C:\Users\s00150\Documents\md_情報政策課_2017_01\オープンデータ_170217\170227_高齢者福祉課\③介護療養型医療施設\text.txt" delimited="0">
      <textFields count="3">
        <textField/>
        <textField position="10"/>
        <textField position="22"/>
      </textFields>
    </textPr>
  </connection>
</connections>
</file>

<file path=xl/sharedStrings.xml><?xml version="1.0" encoding="utf-8"?>
<sst xmlns="http://schemas.openxmlformats.org/spreadsheetml/2006/main" count="124" uniqueCount="95">
  <si>
    <t>法人の種別</t>
  </si>
  <si>
    <t>申請者名</t>
  </si>
  <si>
    <t>介護型病床数</t>
  </si>
  <si>
    <t>種別</t>
  </si>
  <si>
    <t>医療法人</t>
  </si>
  <si>
    <t>病院</t>
  </si>
  <si>
    <t>医療法人社団</t>
  </si>
  <si>
    <t>松江記念病院</t>
  </si>
  <si>
    <t>松江市上乃木３丁目４－１</t>
  </si>
  <si>
    <t>診療所</t>
  </si>
  <si>
    <t>安来市荒島町１８１７－１</t>
  </si>
  <si>
    <t>692-0007</t>
  </si>
  <si>
    <t>0854-28-7000　　　　0854-28-7725</t>
  </si>
  <si>
    <t>社団法人</t>
  </si>
  <si>
    <t>0854-37-1511　　　　0854-37-1265</t>
  </si>
  <si>
    <t>日立記念病院</t>
  </si>
  <si>
    <t>0854-22-2180　　　　0854-22-2183</t>
  </si>
  <si>
    <t>地方公共団体</t>
  </si>
  <si>
    <t>692-0404</t>
  </si>
  <si>
    <t>0854-32-2121　　　　0854-32-2125</t>
  </si>
  <si>
    <t>0854-54-1122　　　　0854-54-1280</t>
  </si>
  <si>
    <t>石東病院</t>
  </si>
  <si>
    <t>大田市大田町大田イ８６０－３</t>
  </si>
  <si>
    <t>0854-82-1035　　　　0854-82-0357</t>
  </si>
  <si>
    <t>個人</t>
  </si>
  <si>
    <t>697-0023</t>
  </si>
  <si>
    <t>浜田市長沢町１４５１</t>
  </si>
  <si>
    <t>0855-23-2150　　　　0855-23-2158</t>
  </si>
  <si>
    <t>島田病院</t>
  </si>
  <si>
    <t>浜田市殿町８３－３０</t>
  </si>
  <si>
    <t>697-0027</t>
  </si>
  <si>
    <t>0855-22-2511　　　　0855-22-3194</t>
  </si>
  <si>
    <t>山崎病院</t>
  </si>
  <si>
    <t>江津市江津町８１３－１</t>
  </si>
  <si>
    <t>0855-52-2816　　　　0855-52-2817</t>
  </si>
  <si>
    <t>益田市高津１丁目９－４</t>
  </si>
  <si>
    <t>0856-22-2345　　　　0856-24-1802</t>
  </si>
  <si>
    <t>益田市遠田町１９１７－２</t>
  </si>
  <si>
    <t>0856-22-3611　　　　0856-22-0407</t>
  </si>
  <si>
    <t>隠岐広域連合</t>
  </si>
  <si>
    <t>西ノ島町美田２０７１－１</t>
  </si>
  <si>
    <t>684-0303</t>
  </si>
  <si>
    <t>08514-7-8211　　　　08514-7-8702</t>
  </si>
  <si>
    <t>0852-27-8111　　　　0852-27-8435</t>
    <phoneticPr fontId="2"/>
  </si>
  <si>
    <t>安来市医師会病院</t>
    <rPh sb="2" eb="3">
      <t>シ</t>
    </rPh>
    <phoneticPr fontId="2"/>
  </si>
  <si>
    <t>安来市伯太町安田１７００</t>
    <rPh sb="0" eb="3">
      <t>ヤスギシ</t>
    </rPh>
    <phoneticPr fontId="2"/>
  </si>
  <si>
    <t>安来市立病院</t>
    <rPh sb="0" eb="2">
      <t>ヤスギ</t>
    </rPh>
    <rPh sb="2" eb="4">
      <t>シリツ</t>
    </rPh>
    <rPh sb="4" eb="6">
      <t>ビョウイン</t>
    </rPh>
    <phoneticPr fontId="2"/>
  </si>
  <si>
    <t>安来市広瀬町広瀬１９３１</t>
    <rPh sb="0" eb="3">
      <t>ヤスギシ</t>
    </rPh>
    <rPh sb="3" eb="6">
      <t>ヒロセチョウ</t>
    </rPh>
    <phoneticPr fontId="2"/>
  </si>
  <si>
    <t>病院</t>
    <rPh sb="0" eb="2">
      <t>ビョウイン</t>
    </rPh>
    <phoneticPr fontId="2"/>
  </si>
  <si>
    <t>奥出雲町</t>
    <rPh sb="0" eb="1">
      <t>オク</t>
    </rPh>
    <rPh sb="1" eb="3">
      <t>イズモ</t>
    </rPh>
    <phoneticPr fontId="2"/>
  </si>
  <si>
    <t>町立奥出雲病院</t>
    <rPh sb="0" eb="2">
      <t>チョウリツ</t>
    </rPh>
    <rPh sb="2" eb="3">
      <t>オク</t>
    </rPh>
    <rPh sb="3" eb="5">
      <t>イズモ</t>
    </rPh>
    <phoneticPr fontId="2"/>
  </si>
  <si>
    <t>雲南市大東町飯田９６－１</t>
    <rPh sb="0" eb="2">
      <t>ウンナン</t>
    </rPh>
    <rPh sb="2" eb="3">
      <t>シ</t>
    </rPh>
    <rPh sb="3" eb="6">
      <t>ダイトウチョウ</t>
    </rPh>
    <rPh sb="6" eb="8">
      <t>イイダ</t>
    </rPh>
    <phoneticPr fontId="2"/>
  </si>
  <si>
    <t>699-1221</t>
    <phoneticPr fontId="2"/>
  </si>
  <si>
    <t>0854-43-6870　　　　0854-43-6871</t>
    <phoneticPr fontId="2"/>
  </si>
  <si>
    <t>安来市</t>
    <rPh sb="0" eb="3">
      <t>ヤスギシ</t>
    </rPh>
    <phoneticPr fontId="2"/>
  </si>
  <si>
    <t>圏域</t>
  </si>
  <si>
    <t>事業所名</t>
  </si>
  <si>
    <t>郵便番号</t>
  </si>
  <si>
    <t>所在地</t>
  </si>
  <si>
    <t>松江</t>
  </si>
  <si>
    <t>690-0015</t>
  </si>
  <si>
    <t>安来</t>
  </si>
  <si>
    <t>692-0011</t>
  </si>
  <si>
    <t>692-0206</t>
  </si>
  <si>
    <t>雲南</t>
  </si>
  <si>
    <t>大田</t>
  </si>
  <si>
    <t>浜田</t>
  </si>
  <si>
    <t>695-0011</t>
  </si>
  <si>
    <t>益田</t>
  </si>
  <si>
    <t>698-0041</t>
  </si>
  <si>
    <t>隠岐</t>
  </si>
  <si>
    <t>医療法人社団　創健会</t>
  </si>
  <si>
    <t>699-1511</t>
  </si>
  <si>
    <t>694-0064</t>
  </si>
  <si>
    <t>医療法人　恵和会</t>
  </si>
  <si>
    <t>699-3676</t>
  </si>
  <si>
    <t>社団法人
安来市医師会</t>
    <phoneticPr fontId="2"/>
  </si>
  <si>
    <t>医療法人社団
日立記念病院</t>
    <phoneticPr fontId="2"/>
  </si>
  <si>
    <t>神在坂クリニック
大橋整形外科医院</t>
    <phoneticPr fontId="2"/>
  </si>
  <si>
    <t>医療法人
金島胃腸科・外科</t>
    <phoneticPr fontId="2"/>
  </si>
  <si>
    <t>社団法人
益田市医師会</t>
    <phoneticPr fontId="2"/>
  </si>
  <si>
    <t>益田地域医療センター
医師会病院
介護療養型医療施設</t>
    <phoneticPr fontId="2"/>
  </si>
  <si>
    <t>隠岐広域連合立
隠岐島前病院</t>
    <phoneticPr fontId="2"/>
  </si>
  <si>
    <t>安来市安来町１２７８－５</t>
    <phoneticPr fontId="2"/>
  </si>
  <si>
    <t>奥出雲町三成１６２２－１</t>
    <rPh sb="0" eb="1">
      <t>オク</t>
    </rPh>
    <rPh sb="1" eb="4">
      <t>イズモチョウ</t>
    </rPh>
    <phoneticPr fontId="2"/>
  </si>
  <si>
    <t>金島胃腸科外科</t>
    <phoneticPr fontId="2"/>
  </si>
  <si>
    <t>雲南市</t>
    <rPh sb="0" eb="2">
      <t>ウンナン</t>
    </rPh>
    <rPh sb="2" eb="3">
      <t>シ</t>
    </rPh>
    <phoneticPr fontId="2"/>
  </si>
  <si>
    <t>雲南市立病院</t>
    <rPh sb="0" eb="2">
      <t>ウンナン</t>
    </rPh>
    <rPh sb="2" eb="4">
      <t>シリツ</t>
    </rPh>
    <rPh sb="4" eb="6">
      <t>ビョウイン</t>
    </rPh>
    <phoneticPr fontId="2"/>
  </si>
  <si>
    <t>医療法人　明誠会</t>
    <rPh sb="0" eb="2">
      <t>イリョウ</t>
    </rPh>
    <rPh sb="2" eb="4">
      <t>ホウジン</t>
    </rPh>
    <rPh sb="5" eb="7">
      <t>メイセイ</t>
    </rPh>
    <rPh sb="7" eb="8">
      <t>カイ</t>
    </rPh>
    <phoneticPr fontId="2"/>
  </si>
  <si>
    <t>医療法人</t>
    <phoneticPr fontId="2"/>
  </si>
  <si>
    <t>医療法人　明誠会
白根病院</t>
    <rPh sb="5" eb="7">
      <t>メイセイ</t>
    </rPh>
    <rPh sb="7" eb="8">
      <t>カイ</t>
    </rPh>
    <rPh sb="11" eb="13">
      <t>ビョウイン</t>
    </rPh>
    <phoneticPr fontId="2"/>
  </si>
  <si>
    <t>緯度</t>
    <rPh sb="0" eb="2">
      <t>イド</t>
    </rPh>
    <phoneticPr fontId="2"/>
  </si>
  <si>
    <t>経度</t>
    <rPh sb="0" eb="2">
      <t>ケイド</t>
    </rPh>
    <phoneticPr fontId="2"/>
  </si>
  <si>
    <t>番号</t>
    <rPh sb="0" eb="2">
      <t>バンゴウ</t>
    </rPh>
    <phoneticPr fontId="2"/>
  </si>
  <si>
    <t>電話_FAX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">
    <xf numFmtId="0" fontId="0" fillId="0" borderId="0" xfId="0">
      <alignment vertical="center"/>
    </xf>
    <xf numFmtId="0" fontId="1" fillId="0" borderId="0" xfId="1" applyFont="1" applyFill="1" applyAlignment="1">
      <alignment vertical="center"/>
    </xf>
    <xf numFmtId="0" fontId="1" fillId="0" borderId="1" xfId="1" applyFont="1" applyFill="1" applyBorder="1" applyAlignment="1">
      <alignment vertical="center"/>
    </xf>
    <xf numFmtId="0" fontId="1" fillId="0" borderId="1" xfId="1" applyFont="1" applyFill="1" applyBorder="1" applyAlignment="1" applyProtection="1">
      <alignment vertical="center"/>
    </xf>
    <xf numFmtId="0" fontId="1" fillId="0" borderId="1" xfId="0" applyFont="1" applyBorder="1" applyAlignment="1">
      <alignment vertical="center"/>
    </xf>
    <xf numFmtId="0" fontId="1" fillId="0" borderId="0" xfId="1" applyFont="1" applyFill="1" applyBorder="1" applyAlignment="1">
      <alignment vertical="center"/>
    </xf>
    <xf numFmtId="0" fontId="0" fillId="0" borderId="1" xfId="1" applyFont="1" applyFill="1" applyBorder="1" applyAlignment="1">
      <alignment vertical="center"/>
    </xf>
  </cellXfs>
  <cellStyles count="2">
    <cellStyle name="標準" xfId="0" builtinId="0"/>
    <cellStyle name="標準_ryouyougata0601" xfId="1"/>
  </cellStyles>
  <dxfs count="10"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queryTables/queryTable1.xml><?xml version="1.0" encoding="utf-8"?>
<queryTable xmlns="http://schemas.openxmlformats.org/spreadsheetml/2006/main" name="text" connectionId="1" autoFormatId="2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16"/>
  <sheetViews>
    <sheetView tabSelected="1" zoomScaleNormal="100" zoomScaleSheetLayoutView="75" workbookViewId="0">
      <selection activeCell="E28" sqref="E28"/>
    </sheetView>
  </sheetViews>
  <sheetFormatPr defaultRowHeight="13.5" x14ac:dyDescent="0.15"/>
  <cols>
    <col min="1" max="1" width="5.5" style="1" customWidth="1"/>
    <col min="2" max="2" width="5.625" style="1" customWidth="1"/>
    <col min="3" max="3" width="15.875" style="1" customWidth="1"/>
    <col min="4" max="4" width="23.5" style="1" customWidth="1"/>
    <col min="5" max="5" width="31.75" style="1" customWidth="1"/>
    <col min="6" max="6" width="30.375" style="1" customWidth="1"/>
    <col min="7" max="7" width="14.5" style="1" bestFit="1" customWidth="1"/>
    <col min="8" max="8" width="9.625" style="1" customWidth="1"/>
    <col min="9" max="9" width="11.875" style="1" bestFit="1" customWidth="1"/>
    <col min="10" max="10" width="32.25" style="1" customWidth="1"/>
    <col min="11" max="16384" width="9" style="1"/>
  </cols>
  <sheetData>
    <row r="1" spans="1:12" x14ac:dyDescent="0.15">
      <c r="A1" s="6" t="s">
        <v>93</v>
      </c>
      <c r="B1" s="3" t="s">
        <v>55</v>
      </c>
      <c r="C1" s="3" t="s">
        <v>0</v>
      </c>
      <c r="D1" s="3" t="s">
        <v>1</v>
      </c>
      <c r="E1" s="3" t="s">
        <v>56</v>
      </c>
      <c r="F1" s="3" t="s">
        <v>58</v>
      </c>
      <c r="G1" s="3" t="s">
        <v>2</v>
      </c>
      <c r="H1" s="3" t="s">
        <v>3</v>
      </c>
      <c r="I1" s="3" t="s">
        <v>57</v>
      </c>
      <c r="J1" s="6" t="s">
        <v>94</v>
      </c>
      <c r="K1" s="2" t="s">
        <v>91</v>
      </c>
      <c r="L1" s="2" t="s">
        <v>92</v>
      </c>
    </row>
    <row r="2" spans="1:12" x14ac:dyDescent="0.15">
      <c r="A2" s="2">
        <v>1</v>
      </c>
      <c r="B2" s="3" t="s">
        <v>59</v>
      </c>
      <c r="C2" s="3" t="s">
        <v>6</v>
      </c>
      <c r="D2" s="3" t="s">
        <v>71</v>
      </c>
      <c r="E2" s="3" t="s">
        <v>7</v>
      </c>
      <c r="F2" s="3" t="s">
        <v>8</v>
      </c>
      <c r="G2" s="3">
        <v>56</v>
      </c>
      <c r="H2" s="3" t="s">
        <v>5</v>
      </c>
      <c r="I2" s="3" t="s">
        <v>60</v>
      </c>
      <c r="J2" s="2" t="s">
        <v>43</v>
      </c>
      <c r="K2" s="4">
        <v>35.448520500000001</v>
      </c>
      <c r="L2" s="4">
        <v>133.0589497</v>
      </c>
    </row>
    <row r="3" spans="1:12" x14ac:dyDescent="0.15">
      <c r="A3" s="2">
        <v>2</v>
      </c>
      <c r="B3" s="3" t="s">
        <v>61</v>
      </c>
      <c r="C3" s="3" t="s">
        <v>89</v>
      </c>
      <c r="D3" s="3" t="s">
        <v>88</v>
      </c>
      <c r="E3" s="3" t="s">
        <v>90</v>
      </c>
      <c r="F3" s="3" t="s">
        <v>10</v>
      </c>
      <c r="G3" s="3">
        <v>12</v>
      </c>
      <c r="H3" s="3" t="s">
        <v>9</v>
      </c>
      <c r="I3" s="3" t="s">
        <v>11</v>
      </c>
      <c r="J3" s="2" t="s">
        <v>12</v>
      </c>
      <c r="K3" s="4">
        <v>35.432699900000003</v>
      </c>
      <c r="L3" s="4">
        <v>133.20447669999999</v>
      </c>
    </row>
    <row r="4" spans="1:12" x14ac:dyDescent="0.15">
      <c r="A4" s="2">
        <v>3</v>
      </c>
      <c r="B4" s="3" t="s">
        <v>61</v>
      </c>
      <c r="C4" s="3" t="s">
        <v>13</v>
      </c>
      <c r="D4" s="3" t="s">
        <v>76</v>
      </c>
      <c r="E4" s="3" t="s">
        <v>44</v>
      </c>
      <c r="F4" s="3" t="s">
        <v>45</v>
      </c>
      <c r="G4" s="3">
        <v>16</v>
      </c>
      <c r="H4" s="3" t="s">
        <v>5</v>
      </c>
      <c r="I4" s="3" t="s">
        <v>63</v>
      </c>
      <c r="J4" s="2" t="s">
        <v>14</v>
      </c>
      <c r="K4" s="4">
        <v>35.371928699999998</v>
      </c>
      <c r="L4" s="4">
        <v>133.2737794</v>
      </c>
    </row>
    <row r="5" spans="1:12" x14ac:dyDescent="0.15">
      <c r="A5" s="2">
        <v>4</v>
      </c>
      <c r="B5" s="3" t="s">
        <v>61</v>
      </c>
      <c r="C5" s="3" t="s">
        <v>6</v>
      </c>
      <c r="D5" s="3" t="s">
        <v>77</v>
      </c>
      <c r="E5" s="3" t="s">
        <v>15</v>
      </c>
      <c r="F5" s="3" t="s">
        <v>83</v>
      </c>
      <c r="G5" s="3">
        <v>16</v>
      </c>
      <c r="H5" s="3" t="s">
        <v>5</v>
      </c>
      <c r="I5" s="3" t="s">
        <v>62</v>
      </c>
      <c r="J5" s="2" t="s">
        <v>16</v>
      </c>
      <c r="K5" s="4">
        <v>35.423606800000002</v>
      </c>
      <c r="L5" s="4">
        <v>133.24832660000001</v>
      </c>
    </row>
    <row r="6" spans="1:12" x14ac:dyDescent="0.15">
      <c r="A6" s="2">
        <v>5</v>
      </c>
      <c r="B6" s="3" t="s">
        <v>61</v>
      </c>
      <c r="C6" s="3" t="s">
        <v>17</v>
      </c>
      <c r="D6" s="3" t="s">
        <v>54</v>
      </c>
      <c r="E6" s="3" t="s">
        <v>46</v>
      </c>
      <c r="F6" s="3" t="s">
        <v>47</v>
      </c>
      <c r="G6" s="3">
        <v>9</v>
      </c>
      <c r="H6" s="3" t="s">
        <v>5</v>
      </c>
      <c r="I6" s="3" t="s">
        <v>18</v>
      </c>
      <c r="J6" s="2" t="s">
        <v>19</v>
      </c>
      <c r="K6" s="4">
        <v>35.370113099999998</v>
      </c>
      <c r="L6" s="4">
        <v>133.17711130000001</v>
      </c>
    </row>
    <row r="7" spans="1:12" x14ac:dyDescent="0.15">
      <c r="A7" s="2">
        <v>6</v>
      </c>
      <c r="B7" s="3" t="s">
        <v>64</v>
      </c>
      <c r="C7" s="3" t="s">
        <v>17</v>
      </c>
      <c r="D7" s="3" t="s">
        <v>49</v>
      </c>
      <c r="E7" s="3" t="s">
        <v>50</v>
      </c>
      <c r="F7" s="3" t="s">
        <v>84</v>
      </c>
      <c r="G7" s="3">
        <v>26</v>
      </c>
      <c r="H7" s="3" t="s">
        <v>5</v>
      </c>
      <c r="I7" s="3" t="s">
        <v>72</v>
      </c>
      <c r="J7" s="2" t="s">
        <v>20</v>
      </c>
      <c r="K7" s="4">
        <v>35.1961795</v>
      </c>
      <c r="L7" s="4">
        <v>132.9970826</v>
      </c>
    </row>
    <row r="8" spans="1:12" x14ac:dyDescent="0.15">
      <c r="A8" s="2">
        <v>7</v>
      </c>
      <c r="B8" s="3" t="s">
        <v>64</v>
      </c>
      <c r="C8" s="3" t="s">
        <v>17</v>
      </c>
      <c r="D8" s="3" t="s">
        <v>86</v>
      </c>
      <c r="E8" s="3" t="s">
        <v>87</v>
      </c>
      <c r="F8" s="3" t="s">
        <v>51</v>
      </c>
      <c r="G8" s="3">
        <v>48</v>
      </c>
      <c r="H8" s="3" t="s">
        <v>48</v>
      </c>
      <c r="I8" s="3" t="s">
        <v>52</v>
      </c>
      <c r="J8" s="2" t="s">
        <v>53</v>
      </c>
      <c r="K8" s="4">
        <v>35.3238111</v>
      </c>
      <c r="L8" s="4">
        <v>132.9600011</v>
      </c>
    </row>
    <row r="9" spans="1:12" x14ac:dyDescent="0.15">
      <c r="A9" s="2">
        <v>8</v>
      </c>
      <c r="B9" s="3" t="s">
        <v>65</v>
      </c>
      <c r="C9" s="3" t="s">
        <v>4</v>
      </c>
      <c r="D9" s="3" t="s">
        <v>74</v>
      </c>
      <c r="E9" s="3" t="s">
        <v>21</v>
      </c>
      <c r="F9" s="3" t="s">
        <v>22</v>
      </c>
      <c r="G9" s="3">
        <v>42</v>
      </c>
      <c r="H9" s="3" t="s">
        <v>5</v>
      </c>
      <c r="I9" s="3" t="s">
        <v>73</v>
      </c>
      <c r="J9" s="2" t="s">
        <v>23</v>
      </c>
      <c r="K9" s="4">
        <v>35.200074999999998</v>
      </c>
      <c r="L9" s="4">
        <v>132.5058037</v>
      </c>
    </row>
    <row r="10" spans="1:12" x14ac:dyDescent="0.15">
      <c r="A10" s="2">
        <v>9</v>
      </c>
      <c r="B10" s="3" t="s">
        <v>66</v>
      </c>
      <c r="C10" s="3" t="s">
        <v>24</v>
      </c>
      <c r="D10" s="3" t="s">
        <v>78</v>
      </c>
      <c r="E10" s="3" t="s">
        <v>78</v>
      </c>
      <c r="F10" s="3" t="s">
        <v>26</v>
      </c>
      <c r="G10" s="3">
        <v>12</v>
      </c>
      <c r="H10" s="3" t="s">
        <v>9</v>
      </c>
      <c r="I10" s="3" t="s">
        <v>25</v>
      </c>
      <c r="J10" s="2" t="s">
        <v>27</v>
      </c>
      <c r="K10" s="4">
        <v>34.907763000000003</v>
      </c>
      <c r="L10" s="4">
        <v>132.10109779999999</v>
      </c>
    </row>
    <row r="11" spans="1:12" x14ac:dyDescent="0.15">
      <c r="A11" s="2">
        <v>10</v>
      </c>
      <c r="B11" s="3" t="s">
        <v>66</v>
      </c>
      <c r="C11" s="3" t="s">
        <v>24</v>
      </c>
      <c r="D11" s="3" t="s">
        <v>28</v>
      </c>
      <c r="E11" s="3" t="s">
        <v>28</v>
      </c>
      <c r="F11" s="3" t="s">
        <v>29</v>
      </c>
      <c r="G11" s="3">
        <v>32</v>
      </c>
      <c r="H11" s="3" t="s">
        <v>5</v>
      </c>
      <c r="I11" s="3" t="s">
        <v>30</v>
      </c>
      <c r="J11" s="2" t="s">
        <v>31</v>
      </c>
      <c r="K11" s="4">
        <v>34.899010799999999</v>
      </c>
      <c r="L11" s="4">
        <v>132.0783418</v>
      </c>
    </row>
    <row r="12" spans="1:12" x14ac:dyDescent="0.15">
      <c r="A12" s="2">
        <v>11</v>
      </c>
      <c r="B12" s="3" t="s">
        <v>66</v>
      </c>
      <c r="C12" s="3" t="s">
        <v>24</v>
      </c>
      <c r="D12" s="3" t="s">
        <v>32</v>
      </c>
      <c r="E12" s="3" t="s">
        <v>32</v>
      </c>
      <c r="F12" s="3" t="s">
        <v>33</v>
      </c>
      <c r="G12" s="3">
        <v>29</v>
      </c>
      <c r="H12" s="3" t="s">
        <v>5</v>
      </c>
      <c r="I12" s="3" t="s">
        <v>67</v>
      </c>
      <c r="J12" s="2" t="s">
        <v>34</v>
      </c>
      <c r="K12" s="4">
        <v>35.014889199999999</v>
      </c>
      <c r="L12" s="4">
        <v>132.22630480000001</v>
      </c>
    </row>
    <row r="13" spans="1:12" x14ac:dyDescent="0.15">
      <c r="A13" s="2">
        <v>12</v>
      </c>
      <c r="B13" s="3" t="s">
        <v>68</v>
      </c>
      <c r="C13" s="3" t="s">
        <v>4</v>
      </c>
      <c r="D13" s="3" t="s">
        <v>79</v>
      </c>
      <c r="E13" s="3" t="s">
        <v>85</v>
      </c>
      <c r="F13" s="3" t="s">
        <v>35</v>
      </c>
      <c r="G13" s="3">
        <v>11</v>
      </c>
      <c r="H13" s="3" t="s">
        <v>9</v>
      </c>
      <c r="I13" s="3" t="s">
        <v>69</v>
      </c>
      <c r="J13" s="2" t="s">
        <v>36</v>
      </c>
      <c r="K13" s="4">
        <v>34.685651900000003</v>
      </c>
      <c r="L13" s="4">
        <v>131.8255048</v>
      </c>
    </row>
    <row r="14" spans="1:12" x14ac:dyDescent="0.15">
      <c r="A14" s="2">
        <v>13</v>
      </c>
      <c r="B14" s="3" t="s">
        <v>68</v>
      </c>
      <c r="C14" s="3" t="s">
        <v>13</v>
      </c>
      <c r="D14" s="3" t="s">
        <v>80</v>
      </c>
      <c r="E14" s="3" t="s">
        <v>81</v>
      </c>
      <c r="F14" s="3" t="s">
        <v>37</v>
      </c>
      <c r="G14" s="3">
        <v>44</v>
      </c>
      <c r="H14" s="3" t="s">
        <v>5</v>
      </c>
      <c r="I14" s="3" t="s">
        <v>75</v>
      </c>
      <c r="J14" s="2" t="s">
        <v>38</v>
      </c>
      <c r="K14" s="4">
        <v>34.696715599999997</v>
      </c>
      <c r="L14" s="4">
        <v>131.86739040000001</v>
      </c>
    </row>
    <row r="15" spans="1:12" x14ac:dyDescent="0.15">
      <c r="A15" s="2">
        <v>14</v>
      </c>
      <c r="B15" s="3" t="s">
        <v>70</v>
      </c>
      <c r="C15" s="3" t="s">
        <v>17</v>
      </c>
      <c r="D15" s="3" t="s">
        <v>39</v>
      </c>
      <c r="E15" s="3" t="s">
        <v>82</v>
      </c>
      <c r="F15" s="3" t="s">
        <v>40</v>
      </c>
      <c r="G15" s="3">
        <v>16</v>
      </c>
      <c r="H15" s="3" t="s">
        <v>5</v>
      </c>
      <c r="I15" s="3" t="s">
        <v>41</v>
      </c>
      <c r="J15" s="2" t="s">
        <v>42</v>
      </c>
      <c r="K15" s="4">
        <v>36.106315700000003</v>
      </c>
      <c r="L15" s="4">
        <v>133.03634940000001</v>
      </c>
    </row>
    <row r="16" spans="1:12" x14ac:dyDescent="0.15">
      <c r="A16" s="5"/>
    </row>
  </sheetData>
  <phoneticPr fontId="2"/>
  <conditionalFormatting sqref="B14:C15">
    <cfRule type="expression" dxfId="9" priority="2" stopIfTrue="1">
      <formula>IF($B26="廃止",1,0)</formula>
    </cfRule>
  </conditionalFormatting>
  <conditionalFormatting sqref="B11:C12">
    <cfRule type="expression" dxfId="8" priority="1" stopIfTrue="1">
      <formula>IF($B20="廃止",1,0)</formula>
    </cfRule>
  </conditionalFormatting>
  <conditionalFormatting sqref="B13:C13">
    <cfRule type="expression" dxfId="7" priority="10" stopIfTrue="1">
      <formula>IF($B23="廃止",1,0)</formula>
    </cfRule>
  </conditionalFormatting>
  <conditionalFormatting sqref="D9:E15">
    <cfRule type="expression" dxfId="6" priority="3" stopIfTrue="1">
      <formula>IF($B9="廃止",1,0)</formula>
    </cfRule>
  </conditionalFormatting>
  <conditionalFormatting sqref="B10:C10">
    <cfRule type="expression" dxfId="5" priority="4" stopIfTrue="1">
      <formula>IF(#REF!="廃止",1,0)</formula>
    </cfRule>
  </conditionalFormatting>
  <conditionalFormatting sqref="B9:C9">
    <cfRule type="expression" dxfId="4" priority="5" stopIfTrue="1">
      <formula>IF(#REF!="廃止",1,0)</formula>
    </cfRule>
  </conditionalFormatting>
  <conditionalFormatting sqref="B6:E7">
    <cfRule type="expression" dxfId="3" priority="6" stopIfTrue="1">
      <formula>IF(#REF!="廃止",1,0)</formula>
    </cfRule>
  </conditionalFormatting>
  <conditionalFormatting sqref="B8:E8">
    <cfRule type="expression" dxfId="2" priority="7" stopIfTrue="1">
      <formula>IF(#REF!="廃止",1,0)</formula>
    </cfRule>
  </conditionalFormatting>
  <conditionalFormatting sqref="B3:E5">
    <cfRule type="expression" dxfId="1" priority="8" stopIfTrue="1">
      <formula>IF(#REF!="廃止",1,0)</formula>
    </cfRule>
  </conditionalFormatting>
  <conditionalFormatting sqref="B2:E2">
    <cfRule type="expression" dxfId="0" priority="9" stopIfTrue="1">
      <formula>IF(#REF!="廃止",1,0)</formula>
    </cfRule>
  </conditionalFormatting>
  <pageMargins left="0.51181102362204722" right="0.31496062992125984" top="0.62992125984251968" bottom="0.62992125984251968" header="0.47244094488188976" footer="0.47244094488188976"/>
  <pageSetup paperSize="9" scale="48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9_2_1</vt:lpstr>
      <vt:lpstr>'29_2_1'!Print_Titles</vt:lpstr>
      <vt:lpstr>'29_2_1'!tex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</dc:creator>
  <cp:lastModifiedBy>s00150</cp:lastModifiedBy>
  <cp:lastPrinted>2017-02-27T01:32:20Z</cp:lastPrinted>
  <dcterms:created xsi:type="dcterms:W3CDTF">2007-09-28T04:21:22Z</dcterms:created>
  <dcterms:modified xsi:type="dcterms:W3CDTF">2017-03-14T04:55:01Z</dcterms:modified>
</cp:coreProperties>
</file>